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8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038851\Desktop\"/>
    </mc:Choice>
  </mc:AlternateContent>
  <xr:revisionPtr revIDLastSave="0" documentId="8_{B1D7E422-815F-4291-95FF-E7D13AF228D5}" xr6:coauthVersionLast="47" xr6:coauthVersionMax="47" xr10:uidLastSave="{00000000-0000-0000-0000-000000000000}"/>
  <bookViews>
    <workbookView xWindow="2268" yWindow="1944" windowWidth="17256" windowHeight="8964" xr2:uid="{00000000-000D-0000-FFFF-FFFF00000000}"/>
  </bookViews>
  <sheets>
    <sheet name="Excise With Export" sheetId="1" r:id="rId1"/>
  </sheets>
  <calcPr calcId="0"/>
</workbook>
</file>

<file path=xl/sharedStrings.xml><?xml version="1.0" encoding="utf-8"?>
<sst xmlns="http://schemas.openxmlformats.org/spreadsheetml/2006/main" count="38" uniqueCount="28">
  <si>
    <t>Excise CSV(with Export)  template</t>
  </si>
  <si>
    <t>MRN</t>
  </si>
  <si>
    <t>Customs and Excise Manufacturing Warehouse Invoice Details</t>
  </si>
  <si>
    <t>Commodity</t>
  </si>
  <si>
    <t>Tariff Subheading</t>
  </si>
  <si>
    <t>Invoice No.</t>
  </si>
  <si>
    <t>Invoice Date</t>
  </si>
  <si>
    <t>Quantity</t>
  </si>
  <si>
    <t>Code</t>
  </si>
  <si>
    <t>Sch1P2AAmt (Rands and Cents)</t>
  </si>
  <si>
    <t>Sch1P3EAmt (Rands and Cents)</t>
  </si>
  <si>
    <t>Sch1P5AAmt(Rands and Cents)</t>
  </si>
  <si>
    <t xml:space="preserve"> Sch1P5BAmt (Rands and Cents)</t>
  </si>
  <si>
    <t>Sch1P7AAmt (Rands and Cents)</t>
  </si>
  <si>
    <t>Total Invoice Price Paid</t>
  </si>
  <si>
    <t>LI</t>
  </si>
  <si>
    <t>Claim Amounts</t>
  </si>
  <si>
    <t>Line</t>
  </si>
  <si>
    <t>Sch1P5AAmt (Rands and Cents)</t>
  </si>
  <si>
    <t>Sch1P5BAmt (Rands and Cents)</t>
  </si>
  <si>
    <t>Fuel ITAC Permit</t>
  </si>
  <si>
    <t>Value (Rands)</t>
  </si>
  <si>
    <t>e.g Fuel</t>
  </si>
  <si>
    <t>e.g                     1</t>
  </si>
  <si>
    <t>e.g                     2</t>
  </si>
  <si>
    <t>e.g                     3</t>
  </si>
  <si>
    <t>Additional Rebate Item (623.25, 671.09)</t>
  </si>
  <si>
    <t>e.g KOM202xxxx75000xx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8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12">
    <xf numFmtId="0" fontId="0" fillId="0" borderId="0" xfId="0"/>
    <xf numFmtId="0" fontId="16" fillId="0" borderId="0" xfId="0" applyFont="1"/>
    <xf numFmtId="0" fontId="16" fillId="0" borderId="10" xfId="0" applyFont="1" applyBorder="1"/>
    <xf numFmtId="0" fontId="14" fillId="0" borderId="0" xfId="0" applyFont="1"/>
    <xf numFmtId="0" fontId="0" fillId="0" borderId="0" xfId="0" applyAlignment="1">
      <alignment wrapText="1"/>
    </xf>
    <xf numFmtId="0" fontId="16" fillId="0" borderId="10" xfId="0" applyFont="1" applyBorder="1" applyAlignment="1">
      <alignment wrapText="1"/>
    </xf>
    <xf numFmtId="0" fontId="14" fillId="0" borderId="11" xfId="0" applyFont="1" applyBorder="1" applyAlignment="1">
      <alignment horizontal="left"/>
    </xf>
    <xf numFmtId="0" fontId="0" fillId="0" borderId="12" xfId="0" applyBorder="1" applyAlignment="1">
      <alignment horizontal="left"/>
    </xf>
    <xf numFmtId="0" fontId="0" fillId="0" borderId="13" xfId="0" applyBorder="1" applyAlignment="1">
      <alignment horizontal="left"/>
    </xf>
    <xf numFmtId="0" fontId="16" fillId="0" borderId="11" xfId="0" applyFont="1" applyBorder="1" applyAlignment="1">
      <alignment horizontal="left"/>
    </xf>
    <xf numFmtId="0" fontId="16" fillId="0" borderId="12" xfId="0" applyFont="1" applyBorder="1" applyAlignment="1">
      <alignment horizontal="left"/>
    </xf>
    <xf numFmtId="0" fontId="16" fillId="0" borderId="13" xfId="0" applyFont="1" applyBorder="1" applyAlignment="1">
      <alignment horizontal="left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2"/>
  <sheetViews>
    <sheetView tabSelected="1" zoomScaleNormal="100" workbookViewId="0">
      <selection activeCell="A9" sqref="A9:XFD9"/>
    </sheetView>
  </sheetViews>
  <sheetFormatPr defaultRowHeight="14.4" x14ac:dyDescent="0.3"/>
  <cols>
    <col min="2" max="2" width="13.5546875" customWidth="1"/>
    <col min="3" max="3" width="15.6640625" customWidth="1"/>
    <col min="4" max="4" width="10.44140625" customWidth="1"/>
    <col min="5" max="5" width="11.33203125" customWidth="1"/>
    <col min="6" max="6" width="33.44140625" customWidth="1"/>
    <col min="7" max="9" width="27.33203125" customWidth="1"/>
    <col min="10" max="10" width="27.109375" customWidth="1"/>
    <col min="11" max="11" width="27.33203125" customWidth="1"/>
    <col min="12" max="12" width="27.5546875" customWidth="1"/>
    <col min="13" max="13" width="20.109375" customWidth="1"/>
    <col min="14" max="14" width="12.33203125" customWidth="1"/>
  </cols>
  <sheetData>
    <row r="1" spans="1:14" x14ac:dyDescent="0.3">
      <c r="A1" s="1" t="s">
        <v>0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4" x14ac:dyDescent="0.3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4" x14ac:dyDescent="0.3">
      <c r="B3" s="2" t="s">
        <v>1</v>
      </c>
      <c r="C3" s="6" t="s">
        <v>27</v>
      </c>
      <c r="D3" s="7"/>
      <c r="E3" s="7"/>
      <c r="F3" s="7"/>
      <c r="G3" s="7"/>
      <c r="H3" s="7"/>
      <c r="I3" s="7"/>
      <c r="J3" s="7"/>
      <c r="K3" s="7"/>
      <c r="L3" s="7"/>
      <c r="M3" s="8"/>
    </row>
    <row r="4" spans="1:14" x14ac:dyDescent="0.3">
      <c r="B4" s="9" t="s">
        <v>2</v>
      </c>
      <c r="C4" s="10"/>
      <c r="D4" s="10"/>
      <c r="E4" s="10"/>
      <c r="F4" s="10"/>
      <c r="G4" s="10"/>
      <c r="H4" s="10"/>
      <c r="I4" s="10"/>
      <c r="J4" s="10"/>
      <c r="K4" s="10"/>
      <c r="L4" s="10"/>
      <c r="M4" s="11"/>
    </row>
    <row r="5" spans="1:14" s="4" customFormat="1" ht="28.8" x14ac:dyDescent="0.3">
      <c r="B5" s="5" t="s">
        <v>3</v>
      </c>
      <c r="C5" s="5" t="s">
        <v>4</v>
      </c>
      <c r="D5" s="5" t="s">
        <v>5</v>
      </c>
      <c r="E5" s="5" t="s">
        <v>6</v>
      </c>
      <c r="F5" s="5" t="s">
        <v>7</v>
      </c>
      <c r="G5" s="5" t="s">
        <v>8</v>
      </c>
      <c r="H5" s="5" t="s">
        <v>9</v>
      </c>
      <c r="I5" s="5" t="s">
        <v>10</v>
      </c>
      <c r="J5" s="5" t="s">
        <v>11</v>
      </c>
      <c r="K5" s="5" t="s">
        <v>12</v>
      </c>
      <c r="L5" s="5" t="s">
        <v>13</v>
      </c>
      <c r="M5" s="5" t="s">
        <v>14</v>
      </c>
    </row>
    <row r="6" spans="1:14" x14ac:dyDescent="0.3">
      <c r="B6" s="3" t="s">
        <v>22</v>
      </c>
      <c r="C6" s="3">
        <v>271012300</v>
      </c>
      <c r="D6" s="3">
        <v>1</v>
      </c>
      <c r="E6" s="3">
        <v>20230715</v>
      </c>
      <c r="F6" s="3">
        <v>50</v>
      </c>
      <c r="G6" s="3" t="s">
        <v>15</v>
      </c>
      <c r="H6" s="3"/>
      <c r="I6" s="3"/>
      <c r="J6" s="3">
        <v>500</v>
      </c>
      <c r="K6" s="3">
        <v>500</v>
      </c>
      <c r="L6" s="3"/>
      <c r="M6" s="3">
        <v>1000</v>
      </c>
    </row>
    <row r="8" spans="1:14" x14ac:dyDescent="0.3">
      <c r="B8" s="9" t="s">
        <v>16</v>
      </c>
      <c r="C8" s="10"/>
      <c r="D8" s="10"/>
      <c r="E8" s="10"/>
      <c r="F8" s="10"/>
      <c r="G8" s="10"/>
      <c r="H8" s="10"/>
      <c r="I8" s="10"/>
      <c r="J8" s="10"/>
      <c r="K8" s="10"/>
      <c r="L8" s="10"/>
      <c r="M8" s="10"/>
      <c r="N8" s="11"/>
    </row>
    <row r="9" spans="1:14" s="4" customFormat="1" ht="28.8" x14ac:dyDescent="0.3">
      <c r="B9" s="5" t="s">
        <v>17</v>
      </c>
      <c r="C9" s="5" t="s">
        <v>4</v>
      </c>
      <c r="D9" s="5" t="s">
        <v>7</v>
      </c>
      <c r="E9" s="5" t="s">
        <v>8</v>
      </c>
      <c r="F9" s="5" t="s">
        <v>26</v>
      </c>
      <c r="G9" s="5" t="s">
        <v>9</v>
      </c>
      <c r="H9" s="5" t="s">
        <v>10</v>
      </c>
      <c r="I9" s="5" t="s">
        <v>18</v>
      </c>
      <c r="J9" s="5" t="s">
        <v>19</v>
      </c>
      <c r="K9" s="5" t="s">
        <v>13</v>
      </c>
      <c r="L9" s="5" t="s">
        <v>20</v>
      </c>
      <c r="M9" s="5" t="s">
        <v>7</v>
      </c>
      <c r="N9" s="5" t="s">
        <v>21</v>
      </c>
    </row>
    <row r="10" spans="1:14" x14ac:dyDescent="0.3">
      <c r="B10" s="3" t="s">
        <v>23</v>
      </c>
      <c r="C10" s="3">
        <v>271012300</v>
      </c>
      <c r="D10" s="3">
        <v>10</v>
      </c>
      <c r="E10" s="3" t="s">
        <v>15</v>
      </c>
      <c r="F10" s="3"/>
      <c r="G10" s="3"/>
      <c r="H10" s="3"/>
      <c r="I10" s="3">
        <v>500</v>
      </c>
      <c r="J10" s="3">
        <v>500</v>
      </c>
      <c r="K10" s="3"/>
      <c r="L10" s="3">
        <v>555</v>
      </c>
      <c r="M10" s="3">
        <v>10</v>
      </c>
      <c r="N10" s="3">
        <v>1000</v>
      </c>
    </row>
    <row r="11" spans="1:14" x14ac:dyDescent="0.3">
      <c r="B11" s="3" t="s">
        <v>24</v>
      </c>
      <c r="C11" s="3">
        <v>271012300</v>
      </c>
      <c r="D11" s="3">
        <v>10</v>
      </c>
      <c r="E11" s="3" t="s">
        <v>15</v>
      </c>
      <c r="F11" s="3"/>
      <c r="G11" s="3"/>
      <c r="H11" s="3"/>
      <c r="I11" s="3">
        <v>500</v>
      </c>
      <c r="J11" s="3">
        <v>500</v>
      </c>
      <c r="K11" s="3"/>
      <c r="L11" s="3">
        <v>66</v>
      </c>
      <c r="M11" s="3">
        <v>10</v>
      </c>
      <c r="N11" s="3">
        <v>1000</v>
      </c>
    </row>
    <row r="12" spans="1:14" x14ac:dyDescent="0.3">
      <c r="B12" s="3" t="s">
        <v>25</v>
      </c>
      <c r="C12" s="3">
        <v>271012300</v>
      </c>
      <c r="D12" s="3">
        <v>15</v>
      </c>
      <c r="E12" s="3" t="s">
        <v>15</v>
      </c>
      <c r="F12" s="3"/>
      <c r="G12" s="3"/>
      <c r="H12" s="3"/>
      <c r="I12" s="3">
        <v>500</v>
      </c>
      <c r="J12" s="3">
        <v>400</v>
      </c>
      <c r="K12" s="3"/>
      <c r="L12" s="3">
        <v>55</v>
      </c>
      <c r="M12" s="3">
        <v>10</v>
      </c>
      <c r="N12" s="3">
        <v>155</v>
      </c>
    </row>
  </sheetData>
  <mergeCells count="3">
    <mergeCell ref="C3:M3"/>
    <mergeCell ref="B4:M4"/>
    <mergeCell ref="B8:N8"/>
  </mergeCells>
  <phoneticPr fontId="18" type="noConversion"/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SARS Customs Document" ma:contentTypeID="0x01010040EEE326BD1E9A4D85FC9D7A8B18F262010100E0FC1328ADACC14D895B8355ACA816A3" ma:contentTypeVersion="62" ma:contentTypeDescription="" ma:contentTypeScope="" ma:versionID="7a4878d094d17bc3f2ef89cc21857564">
  <xsd:schema xmlns:xsd="http://www.w3.org/2001/XMLSchema" xmlns:xs="http://www.w3.org/2001/XMLSchema" xmlns:p="http://schemas.microsoft.com/office/2006/metadata/properties" xmlns:ns2="c3443a2e-60f8-4a78-848d-80bd20643636" targetNamespace="http://schemas.microsoft.com/office/2006/metadata/properties" ma:root="true" ma:fieldsID="bd94da87af8dd4c227262d0118b6d1ad" ns2:_="">
    <xsd:import namespace="c3443a2e-60f8-4a78-848d-80bd20643636"/>
    <xsd:element name="properties">
      <xsd:complexType>
        <xsd:sequence>
          <xsd:element name="documentManagement">
            <xsd:complexType>
              <xsd:all>
                <xsd:element ref="ns2:Q-Code"/>
                <xsd:element ref="ns2:DocumentType"/>
                <xsd:element ref="ns2:Client_x0020_Group" minOccurs="0"/>
                <xsd:element ref="ns2:Mode_x0020_of_x0020_Transport" minOccurs="0"/>
                <xsd:element ref="ns2:Used_x0020_by"/>
                <xsd:element ref="ns2:Revision_x0020_Number" minOccurs="0"/>
                <xsd:element ref="ns2:ld3c2ffa898941fbb74bf6884d8e3f86" minOccurs="0"/>
                <xsd:element ref="ns2:TaxCatchAll" minOccurs="0"/>
                <xsd:element ref="ns2:TaxCatchAllLabel" minOccurs="0"/>
                <xsd:element ref="ns2:o01257ccd9b746dda7c90cd14582fea7" minOccurs="0"/>
                <xsd:element ref="ns2:d0f149eca2434f2a8c5eb3f963f961ae" minOccurs="0"/>
                <xsd:element ref="ns2:ecafa90c32ff4a9f9ed4d136794ca5b6" minOccurs="0"/>
                <xsd:element ref="ns2:Security_x0020_Classifi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3443a2e-60f8-4a78-848d-80bd20643636" elementFormDefault="qualified">
    <xsd:import namespace="http://schemas.microsoft.com/office/2006/documentManagement/types"/>
    <xsd:import namespace="http://schemas.microsoft.com/office/infopath/2007/PartnerControls"/>
    <xsd:element name="Q-Code" ma:index="2" ma:displayName="Q-Code" ma:description="Hosts the Q-Code for all controlled documents" ma:internalName="Q_x002d_Code" ma:readOnly="false">
      <xsd:simpleType>
        <xsd:restriction base="dms:Text">
          <xsd:maxLength value="255"/>
        </xsd:restriction>
      </xsd:simpleType>
    </xsd:element>
    <xsd:element name="DocumentType" ma:index="3" ma:displayName="DocumentType" ma:default="Annexure" ma:description="Hosts the types of documents we have in SARS (Policies, Procedures, forms, etc.)" ma:format="Dropdown" ma:internalName="DocumentType">
      <xsd:simpleType>
        <xsd:restriction base="dms:Choice">
          <xsd:enumeration value="Annexure"/>
          <xsd:enumeration value="Brochure"/>
          <xsd:enumeration value="Correspondence"/>
          <xsd:enumeration value="FAQ"/>
          <xsd:enumeration value="Form"/>
          <xsd:enumeration value="Guide"/>
          <xsd:enumeration value="Internal Agreement"/>
          <xsd:enumeration value="Manual"/>
          <xsd:enumeration value="Policy"/>
          <xsd:enumeration value="Process Flow"/>
          <xsd:enumeration value="Report"/>
          <xsd:enumeration value="Research"/>
          <xsd:enumeration value="Script"/>
          <xsd:enumeration value="SoP"/>
          <xsd:enumeration value="Standard"/>
          <xsd:enumeration value="Table"/>
          <xsd:enumeration value="Template"/>
          <xsd:enumeration value="Terms of Reference"/>
        </xsd:restriction>
      </xsd:simpleType>
    </xsd:element>
    <xsd:element name="Client_x0020_Group" ma:index="6" nillable="true" ma:displayName="Client Group" ma:description="Select up to 5 of the client groups that would be interested in this information. Do not select more than 5. Select SARS if only staff should be interested in this information." ma:internalName="Client_x0020_Group" ma:requiredMultiChoice="tru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ll External Clients"/>
                    <xsd:enumeration value="Aviation Kerosene suppliers"/>
                    <xsd:enumeration value="Brokers"/>
                    <xsd:enumeration value="Carriers"/>
                    <xsd:enumeration value="Clearing Agents"/>
                    <xsd:enumeration value="Depot"/>
                    <xsd:enumeration value="Electronic user"/>
                    <xsd:enumeration value="Embassies"/>
                    <xsd:enumeration value="Employers"/>
                    <xsd:enumeration value="Estates"/>
                    <xsd:enumeration value="Exempt Organisations"/>
                    <xsd:enumeration value="Expats"/>
                    <xsd:enumeration value="Exporters"/>
                    <xsd:enumeration value="Importers"/>
                    <xsd:enumeration value="Individuals"/>
                    <xsd:enumeration value="Industrial Development Zones"/>
                    <xsd:enumeration value="Large Businesses"/>
                    <xsd:enumeration value="Licensed Distributors of Fuel"/>
                    <xsd:enumeration value="Manufacturers / Producers"/>
                    <xsd:enumeration value="Non Residents"/>
                    <xsd:enumeration value="Operators for air passenger tax"/>
                    <xsd:enumeration value="Owner"/>
                    <xsd:enumeration value="Premise for processing"/>
                    <xsd:enumeration value="Rebate Users"/>
                    <xsd:enumeration value="Registered agent"/>
                    <xsd:enumeration value="Registered Electronic Communicators"/>
                    <xsd:enumeration value="Removers of goods"/>
                    <xsd:enumeration value="SARS"/>
                    <xsd:enumeration value="Small Businesses"/>
                    <xsd:enumeration value="Storage warehouses"/>
                    <xsd:enumeration value="Store suppliers"/>
                    <xsd:enumeration value="Tax Practitioners"/>
                    <xsd:enumeration value="Terminal"/>
                    <xsd:enumeration value="Transmission lines pipelines conveyer belts cable cars"/>
                    <xsd:enumeration value="Travelers"/>
                    <xsd:enumeration value="Vendors"/>
                  </xsd:restriction>
                </xsd:simpleType>
              </xsd:element>
            </xsd:sequence>
          </xsd:extension>
        </xsd:complexContent>
      </xsd:complexType>
    </xsd:element>
    <xsd:element name="Mode_x0020_of_x0020_Transport" ma:index="8" nillable="true" ma:displayName="Mode of Transport" ma:internalName="Mode_x0020_of_x0020_Transport" ma:readOnly="false" ma:requiredMultiChoice="tru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ir"/>
                    <xsd:enumeration value="Sea"/>
                    <xsd:enumeration value="Road"/>
                    <xsd:enumeration value="Rail"/>
                    <xsd:enumeration value="Post"/>
                    <xsd:enumeration value="Continuous Transmission Commodities"/>
                    <xsd:enumeration value="Travellers"/>
                  </xsd:restriction>
                </xsd:simpleType>
              </xsd:element>
            </xsd:sequence>
          </xsd:extension>
        </xsd:complexContent>
      </xsd:complexType>
    </xsd:element>
    <xsd:element name="Used_x0020_by" ma:index="9" ma:displayName="Used by" ma:default="Internal" ma:description="Sets if adocument is used internally only, or is safe for external consumption" ma:format="Dropdown" ma:internalName="Used_x0020_by" ma:readOnly="false">
      <xsd:simpleType>
        <xsd:restriction base="dms:Choice">
          <xsd:enumeration value="Internal"/>
          <xsd:enumeration value="External"/>
        </xsd:restriction>
      </xsd:simpleType>
    </xsd:element>
    <xsd:element name="Revision_x0020_Number" ma:index="10" nillable="true" ma:displayName="Revision Number" ma:decimals="0" ma:description="Stores the revision number of a document (Not the same ad Version Number)" ma:internalName="Revision_x0020_Number">
      <xsd:simpleType>
        <xsd:restriction base="dms:Number"/>
      </xsd:simpleType>
    </xsd:element>
    <xsd:element name="ld3c2ffa898941fbb74bf6884d8e3f86" ma:index="12" ma:taxonomy="true" ma:internalName="ld3c2ffa898941fbb74bf6884d8e3f86" ma:taxonomyFieldName="SARS_x0020_Products" ma:displayName="SARS Products" ma:readOnly="false" ma:default="" ma:fieldId="{5d3c2ffa-8989-41fb-b74b-f6884d8e3f86}" ma:taxonomyMulti="true" ma:sspId="2e1517fb-d2b1-44a1-a4a6-4df7a873e413" ma:termSetId="0e5db187-6345-40da-9707-e725ca772a7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CatchAll" ma:index="13" nillable="true" ma:displayName="Taxonomy Catch All Column" ma:hidden="true" ma:list="{f3e35da5-8b00-4d0d-b281-3d095660aeca}" ma:internalName="TaxCatchAll" ma:showField="CatchAllData" ma:web="bcf5f20f-8963-4c53-a700-cf5c1be55cf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4" nillable="true" ma:displayName="Taxonomy Catch All Column1" ma:hidden="true" ma:list="{f3e35da5-8b00-4d0d-b281-3d095660aeca}" ma:internalName="TaxCatchAllLabel" ma:readOnly="true" ma:showField="CatchAllDataLabel" ma:web="bcf5f20f-8963-4c53-a700-cf5c1be55cf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01257ccd9b746dda7c90cd14582fea7" ma:index="16" ma:taxonomy="true" ma:internalName="o01257ccd9b746dda7c90cd14582fea7" ma:taxonomyFieldName="Ops_x0020_Subject" ma:displayName="Ops Subject" ma:readOnly="false" ma:default="" ma:fieldId="{801257cc-d9b7-46dd-a7c9-0cd14582fea7}" ma:taxonomyMulti="true" ma:sspId="2e1517fb-d2b1-44a1-a4a6-4df7a873e413" ma:termSetId="dfc2b8ab-d076-482a-8bff-14cec0d10e58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d0f149eca2434f2a8c5eb3f963f961ae" ma:index="19" ma:taxonomy="true" ma:internalName="d0f149eca2434f2a8c5eb3f963f961ae" ma:taxonomyFieldName="Customs_x0020_Value_x0020_Chain" ma:displayName="Customs Value Chain" ma:readOnly="false" ma:default="" ma:fieldId="{d0f149ec-a243-4f2a-8c5e-b3f963f961ae}" ma:taxonomyMulti="true" ma:sspId="2e1517fb-d2b1-44a1-a4a6-4df7a873e413" ma:termSetId="9b562803-edd0-4e18-b0c0-2c7f60c3990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ecafa90c32ff4a9f9ed4d136794ca5b6" ma:index="22" nillable="true" ma:taxonomy="true" ma:internalName="ecafa90c32ff4a9f9ed4d136794ca5b6" ma:taxonomyFieldName="SARS_x0020_Ops_x0020_System" ma:displayName="SARS Ops System" ma:default="" ma:fieldId="{ecafa90c-32ff-4a9f-9ed4-d136794ca5b6}" ma:taxonomyMulti="true" ma:sspId="2e1517fb-d2b1-44a1-a4a6-4df7a873e413" ma:termSetId="b86250e3-2634-4821-b2ad-9f0fc5a0b44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ecurity_x0020_Classification" ma:index="24" nillable="true" ma:displayName="Security Classification" ma:default="Restricted" ma:format="Dropdown" ma:internalName="Security_x0020_Classification">
      <xsd:simpleType>
        <xsd:restriction base="dms:Choice">
          <xsd:enumeration value="Unclassified"/>
          <xsd:enumeration value="Restricted"/>
          <xsd:enumeration value="Confidential"/>
          <xsd:enumeration value="Secret"/>
          <xsd:enumeration value="Top Secret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8" ma:displayName="Content Type"/>
        <xsd:element ref="dc:title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SharedContentType xmlns="Microsoft.SharePoint.Taxonomy.ContentTypeSync" SourceId="2e1517fb-d2b1-44a1-a4a6-4df7a873e413" ContentTypeId="0x01010040EEE326BD1E9A4D85FC9D7A8B18F2620101" PreviousValue="false"/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d3c2ffa898941fbb74bf6884d8e3f86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Customs</TermName>
          <TermId xmlns="http://schemas.microsoft.com/office/infopath/2007/PartnerControls">da26e326-be00-4352-9f30-e6b5f91a13eb</TermId>
        </TermInfo>
        <TermInfo xmlns="http://schemas.microsoft.com/office/infopath/2007/PartnerControls">
          <TermName xmlns="http://schemas.microsoft.com/office/infopath/2007/PartnerControls">Excise Duties and Levies</TermName>
          <TermId xmlns="http://schemas.microsoft.com/office/infopath/2007/PartnerControls">56e87d43-3b87-469e-beb2-f2b44d0234de</TermId>
        </TermInfo>
      </Terms>
    </ld3c2ffa898941fbb74bf6884d8e3f86>
    <o01257ccd9b746dda7c90cd14582fea7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Refunds</TermName>
          <TermId xmlns="http://schemas.microsoft.com/office/infopath/2007/PartnerControls">9d015a0c-3f11-4c01-a4a1-5d07d6d00b6b</TermId>
        </TermInfo>
        <TermInfo xmlns="http://schemas.microsoft.com/office/infopath/2007/PartnerControls">
          <TermName xmlns="http://schemas.microsoft.com/office/infopath/2007/PartnerControls">Payments</TermName>
          <TermId xmlns="http://schemas.microsoft.com/office/infopath/2007/PartnerControls">75a62e09-1ffc-4614-9979-0cf0dcc166a3</TermId>
        </TermInfo>
      </Terms>
    </o01257ccd9b746dda7c90cd14582fea7>
    <DocumentType xmlns="c3443a2e-60f8-4a78-848d-80bd20643636">Annexure</DocumentType>
    <Security_x0020_Classification xmlns="c3443a2e-60f8-4a78-848d-80bd20643636">Unclassified</Security_x0020_Classification>
    <ecafa90c32ff4a9f9ed4d136794ca5b6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eFiling</TermName>
          <TermId xmlns="http://schemas.microsoft.com/office/infopath/2007/PartnerControls">b90d56f9-3ea8-4081-9c4f-70c7240f6094</TermId>
        </TermInfo>
      </Terms>
    </ecafa90c32ff4a9f9ed4d136794ca5b6>
    <Q-Code xmlns="c3443a2e-60f8-4a78-848d-80bd20643636">SC-DT-C-13-A17 </Q-Code>
    <TaxCatchAll xmlns="c3443a2e-60f8-4a78-848d-80bd20643636">
      <Value>116</Value>
      <Value>64</Value>
      <Value>82</Value>
      <Value>74</Value>
      <Value>89</Value>
      <Value>1</Value>
    </TaxCatchAll>
    <Mode_x0020_of_x0020_Transport xmlns="c3443a2e-60f8-4a78-848d-80bd20643636">
      <Value>Air</Value>
      <Value>Sea</Value>
      <Value>Road</Value>
      <Value>Rail</Value>
      <Value>Continuous Transmission Commodities</Value>
    </Mode_x0020_of_x0020_Transport>
    <d0f149eca2434f2a8c5eb3f963f961ae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Declaration</TermName>
          <TermId xmlns="http://schemas.microsoft.com/office/infopath/2007/PartnerControls">8d35eb9f-4db3-4274-be0d-85618c04999b</TermId>
        </TermInfo>
      </Terms>
    </d0f149eca2434f2a8c5eb3f963f961ae>
    <Used_x0020_by xmlns="c3443a2e-60f8-4a78-848d-80bd20643636">External</Used_x0020_by>
    <Revision_x0020_Number xmlns="c3443a2e-60f8-4a78-848d-80bd20643636">0</Revision_x0020_Number>
    <Client_x0020_Group xmlns="c3443a2e-60f8-4a78-848d-80bd20643636">
      <Value>Exporters</Value>
      <Value>Importers</Value>
      <Value>Individuals</Value>
      <Value>Licensed Distributors of Fuel</Value>
      <Value>Manufacturers / Producers</Value>
      <Value>Owner</Value>
      <Value>Rebate Users</Value>
      <Value>Registered agent</Value>
      <Value>SARS</Value>
    </Client_x0020_Group>
  </documentManagement>
</p:properties>
</file>

<file path=customXml/itemProps1.xml><?xml version="1.0" encoding="utf-8"?>
<ds:datastoreItem xmlns:ds="http://schemas.openxmlformats.org/officeDocument/2006/customXml" ds:itemID="{D2426DA3-9B9F-484F-97A3-5DE3EBD066A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3443a2e-60f8-4a78-848d-80bd2064363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214142A3-7006-4034-95C0-57F1F0540852}">
  <ds:schemaRefs>
    <ds:schemaRef ds:uri="Microsoft.SharePoint.Taxonomy.ContentTypeSync"/>
  </ds:schemaRefs>
</ds:datastoreItem>
</file>

<file path=customXml/itemProps3.xml><?xml version="1.0" encoding="utf-8"?>
<ds:datastoreItem xmlns:ds="http://schemas.openxmlformats.org/officeDocument/2006/customXml" ds:itemID="{66C0422E-0CC7-4AC7-B4BF-74711388ABDF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2E6D2C29-68E9-4096-BBE7-14373CE5EAAC}">
  <ds:schemaRefs>
    <ds:schemaRef ds:uri="http://schemas.microsoft.com/office/2006/metadata/properties"/>
    <ds:schemaRef ds:uri="http://schemas.microsoft.com/office/infopath/2007/PartnerControls"/>
    <ds:schemaRef ds:uri="c3443a2e-60f8-4a78-848d-80bd20643636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Excise With Expor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C-DT-C-13-A17 - Excise With Export CSV Template - External Annexure</dc:title>
  <cp:lastModifiedBy>Onalenna Moeti</cp:lastModifiedBy>
  <dcterms:created xsi:type="dcterms:W3CDTF">2023-10-04T11:00:56Z</dcterms:created>
  <dcterms:modified xsi:type="dcterms:W3CDTF">2023-12-07T12:53:1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0EEE326BD1E9A4D85FC9D7A8B18F262010100E0FC1328ADACC14D895B8355ACA816A3</vt:lpwstr>
  </property>
  <property fmtid="{D5CDD505-2E9C-101B-9397-08002B2CF9AE}" pid="3" name="SARS Ops System">
    <vt:lpwstr>64;#eFiling|b90d56f9-3ea8-4081-9c4f-70c7240f6094</vt:lpwstr>
  </property>
  <property fmtid="{D5CDD505-2E9C-101B-9397-08002B2CF9AE}" pid="4" name="SARS Products">
    <vt:lpwstr>1;#Customs|da26e326-be00-4352-9f30-e6b5f91a13eb;#116;#Excise Duties and Levies|56e87d43-3b87-469e-beb2-f2b44d0234de</vt:lpwstr>
  </property>
  <property fmtid="{D5CDD505-2E9C-101B-9397-08002B2CF9AE}" pid="5" name="Ops Subject">
    <vt:lpwstr>82;#Refunds|9d015a0c-3f11-4c01-a4a1-5d07d6d00b6b;#74;#Payments|75a62e09-1ffc-4614-9979-0cf0dcc166a3</vt:lpwstr>
  </property>
  <property fmtid="{D5CDD505-2E9C-101B-9397-08002B2CF9AE}" pid="6" name="Customs Value Chain">
    <vt:lpwstr>89;#Declaration|8d35eb9f-4db3-4274-be0d-85618c04999b</vt:lpwstr>
  </property>
</Properties>
</file>